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33 清川村★　簡水、下水道（特環）\"/>
    </mc:Choice>
  </mc:AlternateContent>
  <workbookProtection workbookAlgorithmName="SHA-512" workbookHashValue="7dOOELWGrtCUrWzU16ZjUFK8MnZTiTTGCKTkMKLW2HMcUuct8s0XzeFCNPky0fEdmOCRkQhLw3ex8Pqvirablw==" workbookSaltValue="CggH6Eq0BA+YHahTxXJ0tg==" workbookSpinCount="100000" lockStructure="1"/>
  <bookViews>
    <workbookView xWindow="0" yWindow="0" windowWidth="23040" windowHeight="8304"/>
  </bookViews>
  <sheets>
    <sheet name="法非適用_下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AT8" i="4" s="1"/>
  <c r="S6" i="5"/>
  <c r="R6" i="5"/>
  <c r="Q6" i="5"/>
  <c r="W10" i="4" s="1"/>
  <c r="P6" i="5"/>
  <c r="O6" i="5"/>
  <c r="N6" i="5"/>
  <c r="M6" i="5"/>
  <c r="AD8" i="4" s="1"/>
  <c r="L6" i="5"/>
  <c r="W8" i="4" s="1"/>
  <c r="K6" i="5"/>
  <c r="J6" i="5"/>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AD10" i="4"/>
  <c r="P10" i="4"/>
  <c r="I10" i="4"/>
  <c r="B10" i="4"/>
  <c r="AL8" i="4"/>
  <c r="P8" i="4"/>
  <c r="I8" i="4"/>
</calcChain>
</file>

<file path=xl/sharedStrings.xml><?xml version="1.0" encoding="utf-8"?>
<sst xmlns="http://schemas.openxmlformats.org/spreadsheetml/2006/main" count="236" uniqueCount="120">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清川村</t>
  </si>
  <si>
    <t>法非適用</t>
  </si>
  <si>
    <t>下水道事業</t>
  </si>
  <si>
    <t>特定環境保全公共下水道</t>
  </si>
  <si>
    <t>D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ストックマネジメント計画に基づき、事業費の平準化を図りつつ、施設・設備の改築更新を計画的に進めていますが、今後も維持管理経費の増加が見込まれ、経営状況はさらに厳しくなっていくことが予想されます。
　今後、下水道使用料の改定に向けた取り組みを進めるとともに、下水道施設の効率的な維持管理に努めるなど、経営基盤の強化を図り、持続可能な下水道事業運営を目指していきます。</t>
    <rPh sb="100" eb="102">
      <t>コンゴ</t>
    </rPh>
    <rPh sb="103" eb="106">
      <t>ゲスイドウ</t>
    </rPh>
    <rPh sb="106" eb="109">
      <t>シヨウリョウ</t>
    </rPh>
    <rPh sb="129" eb="132">
      <t>ゲスイドウ</t>
    </rPh>
    <rPh sb="132" eb="134">
      <t>シセツ</t>
    </rPh>
    <rPh sb="135" eb="138">
      <t>コウリツテキ</t>
    </rPh>
    <rPh sb="139" eb="141">
      <t>イジ</t>
    </rPh>
    <rPh sb="141" eb="143">
      <t>カンリ</t>
    </rPh>
    <rPh sb="144" eb="145">
      <t>ツト</t>
    </rPh>
    <rPh sb="150" eb="152">
      <t>ケイエイ</t>
    </rPh>
    <rPh sb="152" eb="154">
      <t>キバン</t>
    </rPh>
    <rPh sb="155" eb="157">
      <t>キョウカ</t>
    </rPh>
    <rPh sb="158" eb="159">
      <t>ハカ</t>
    </rPh>
    <rPh sb="166" eb="169">
      <t>ゲスイドウ</t>
    </rPh>
    <rPh sb="169" eb="171">
      <t>ジギョウ</t>
    </rPh>
    <rPh sb="171" eb="173">
      <t>ウンエイ</t>
    </rPh>
    <rPh sb="174" eb="176">
      <t>メザ</t>
    </rPh>
    <phoneticPr fontId="4"/>
  </si>
  <si>
    <t>　下水処理施設は、平成９年度に供用開始しており、法定耐用年数（50年）に達した管渠はないため、管渠改善率は０％となっています。
　施設・設備については、ストックマネジメント計画に基づき計画的な改築更新の実施に取り組んでいます。</t>
    <phoneticPr fontId="4"/>
  </si>
  <si>
    <t>　収益的収支比率は前年度と比較して増加としたものの60％台で推移しており、汚水処理原価も高く経費回収率も平均値に比べ大幅に低く、一般会計からの繰入金に依存しているところが大きくなっています。
　下水道処理施設は、平成９年度に供用開始して以来、25年が経過し、施設・設備の能力低下等に伴う電気料金等経費の増加や改築更新事業などによる維持管理経費は増加傾向となっています。
　このため、経費の削減や計画的な投資経費の平準化のほか、下水道使用料の改定などによる経営改善に向けた取り組みを行うとともに、使用料収入の確保に向けた水洗化率の向上に努めていく必要があります。
　</t>
    <rPh sb="9" eb="12">
      <t>ゼンネンド</t>
    </rPh>
    <rPh sb="13" eb="15">
      <t>ヒカク</t>
    </rPh>
    <rPh sb="17" eb="19">
      <t>ゾウカ</t>
    </rPh>
    <rPh sb="28" eb="29">
      <t>ダイ</t>
    </rPh>
    <rPh sb="30" eb="32">
      <t>スイイ</t>
    </rPh>
    <rPh sb="146" eb="147">
      <t>キ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5334-44DD-97C4-AD8AF57FCA08}"/>
            </c:ext>
          </c:extLst>
        </c:ser>
        <c:dLbls>
          <c:showLegendKey val="0"/>
          <c:showVal val="0"/>
          <c:showCatName val="0"/>
          <c:showSerName val="0"/>
          <c:showPercent val="0"/>
          <c:showBubbleSize val="0"/>
        </c:dLbls>
        <c:gapWidth val="150"/>
        <c:axId val="204790016"/>
        <c:axId val="20661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3</c:v>
                </c:pt>
                <c:pt idx="1">
                  <c:v>0.36</c:v>
                </c:pt>
                <c:pt idx="2">
                  <c:v>0.39</c:v>
                </c:pt>
                <c:pt idx="3">
                  <c:v>0.1</c:v>
                </c:pt>
                <c:pt idx="4">
                  <c:v>0.08</c:v>
                </c:pt>
              </c:numCache>
            </c:numRef>
          </c:val>
          <c:smooth val="0"/>
          <c:extLst>
            <c:ext xmlns:c16="http://schemas.microsoft.com/office/drawing/2014/chart" uri="{C3380CC4-5D6E-409C-BE32-E72D297353CC}">
              <c16:uniqueId val="{00000001-5334-44DD-97C4-AD8AF57FCA08}"/>
            </c:ext>
          </c:extLst>
        </c:ser>
        <c:dLbls>
          <c:showLegendKey val="0"/>
          <c:showVal val="0"/>
          <c:showCatName val="0"/>
          <c:showSerName val="0"/>
          <c:showPercent val="0"/>
          <c:showBubbleSize val="0"/>
        </c:dLbls>
        <c:marker val="1"/>
        <c:smooth val="0"/>
        <c:axId val="204790016"/>
        <c:axId val="206619776"/>
      </c:lineChart>
      <c:dateAx>
        <c:axId val="204790016"/>
        <c:scaling>
          <c:orientation val="minMax"/>
        </c:scaling>
        <c:delete val="1"/>
        <c:axPos val="b"/>
        <c:numFmt formatCode="&quot;H&quot;yy" sourceLinked="1"/>
        <c:majorTickMark val="none"/>
        <c:minorTickMark val="none"/>
        <c:tickLblPos val="none"/>
        <c:crossAx val="206619776"/>
        <c:crosses val="autoZero"/>
        <c:auto val="1"/>
        <c:lblOffset val="100"/>
        <c:baseTimeUnit val="years"/>
      </c:dateAx>
      <c:valAx>
        <c:axId val="20661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4790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45.86</c:v>
                </c:pt>
                <c:pt idx="1">
                  <c:v>47</c:v>
                </c:pt>
                <c:pt idx="2">
                  <c:v>48.57</c:v>
                </c:pt>
                <c:pt idx="3">
                  <c:v>48.24</c:v>
                </c:pt>
                <c:pt idx="4">
                  <c:v>47.67</c:v>
                </c:pt>
              </c:numCache>
            </c:numRef>
          </c:val>
          <c:extLst>
            <c:ext xmlns:c16="http://schemas.microsoft.com/office/drawing/2014/chart" uri="{C3380CC4-5D6E-409C-BE32-E72D297353CC}">
              <c16:uniqueId val="{00000000-E495-4480-BC80-7F3BC0D7B7FC}"/>
            </c:ext>
          </c:extLst>
        </c:ser>
        <c:dLbls>
          <c:showLegendKey val="0"/>
          <c:showVal val="0"/>
          <c:showCatName val="0"/>
          <c:showSerName val="0"/>
          <c:showPercent val="0"/>
          <c:showBubbleSize val="0"/>
        </c:dLbls>
        <c:gapWidth val="150"/>
        <c:axId val="73398144"/>
        <c:axId val="139853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42.56</c:v>
                </c:pt>
                <c:pt idx="1">
                  <c:v>42.47</c:v>
                </c:pt>
                <c:pt idx="2">
                  <c:v>42.4</c:v>
                </c:pt>
                <c:pt idx="3">
                  <c:v>42.28</c:v>
                </c:pt>
                <c:pt idx="4">
                  <c:v>41.06</c:v>
                </c:pt>
              </c:numCache>
            </c:numRef>
          </c:val>
          <c:smooth val="0"/>
          <c:extLst>
            <c:ext xmlns:c16="http://schemas.microsoft.com/office/drawing/2014/chart" uri="{C3380CC4-5D6E-409C-BE32-E72D297353CC}">
              <c16:uniqueId val="{00000001-E495-4480-BC80-7F3BC0D7B7FC}"/>
            </c:ext>
          </c:extLst>
        </c:ser>
        <c:dLbls>
          <c:showLegendKey val="0"/>
          <c:showVal val="0"/>
          <c:showCatName val="0"/>
          <c:showSerName val="0"/>
          <c:showPercent val="0"/>
          <c:showBubbleSize val="0"/>
        </c:dLbls>
        <c:marker val="1"/>
        <c:smooth val="0"/>
        <c:axId val="73398144"/>
        <c:axId val="139853824"/>
      </c:lineChart>
      <c:dateAx>
        <c:axId val="73398144"/>
        <c:scaling>
          <c:orientation val="minMax"/>
        </c:scaling>
        <c:delete val="1"/>
        <c:axPos val="b"/>
        <c:numFmt formatCode="&quot;H&quot;yy" sourceLinked="1"/>
        <c:majorTickMark val="none"/>
        <c:minorTickMark val="none"/>
        <c:tickLblPos val="none"/>
        <c:crossAx val="139853824"/>
        <c:crosses val="autoZero"/>
        <c:auto val="1"/>
        <c:lblOffset val="100"/>
        <c:baseTimeUnit val="years"/>
      </c:dateAx>
      <c:valAx>
        <c:axId val="139853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8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5.81</c:v>
                </c:pt>
                <c:pt idx="1">
                  <c:v>95.59</c:v>
                </c:pt>
                <c:pt idx="2">
                  <c:v>95.69</c:v>
                </c:pt>
                <c:pt idx="3">
                  <c:v>95.66</c:v>
                </c:pt>
                <c:pt idx="4">
                  <c:v>95.65</c:v>
                </c:pt>
              </c:numCache>
            </c:numRef>
          </c:val>
          <c:extLst>
            <c:ext xmlns:c16="http://schemas.microsoft.com/office/drawing/2014/chart" uri="{C3380CC4-5D6E-409C-BE32-E72D297353CC}">
              <c16:uniqueId val="{00000000-C5A9-4064-B959-0565410B5408}"/>
            </c:ext>
          </c:extLst>
        </c:ser>
        <c:dLbls>
          <c:showLegendKey val="0"/>
          <c:showVal val="0"/>
          <c:showCatName val="0"/>
          <c:showSerName val="0"/>
          <c:showPercent val="0"/>
          <c:showBubbleSize val="0"/>
        </c:dLbls>
        <c:gapWidth val="150"/>
        <c:axId val="139884032"/>
        <c:axId val="13988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3.32</c:v>
                </c:pt>
                <c:pt idx="1">
                  <c:v>83.75</c:v>
                </c:pt>
                <c:pt idx="2">
                  <c:v>84.19</c:v>
                </c:pt>
                <c:pt idx="3">
                  <c:v>84.34</c:v>
                </c:pt>
                <c:pt idx="4">
                  <c:v>84.34</c:v>
                </c:pt>
              </c:numCache>
            </c:numRef>
          </c:val>
          <c:smooth val="0"/>
          <c:extLst>
            <c:ext xmlns:c16="http://schemas.microsoft.com/office/drawing/2014/chart" uri="{C3380CC4-5D6E-409C-BE32-E72D297353CC}">
              <c16:uniqueId val="{00000001-C5A9-4064-B959-0565410B5408}"/>
            </c:ext>
          </c:extLst>
        </c:ser>
        <c:dLbls>
          <c:showLegendKey val="0"/>
          <c:showVal val="0"/>
          <c:showCatName val="0"/>
          <c:showSerName val="0"/>
          <c:showPercent val="0"/>
          <c:showBubbleSize val="0"/>
        </c:dLbls>
        <c:marker val="1"/>
        <c:smooth val="0"/>
        <c:axId val="139884032"/>
        <c:axId val="139885952"/>
      </c:lineChart>
      <c:dateAx>
        <c:axId val="139884032"/>
        <c:scaling>
          <c:orientation val="minMax"/>
        </c:scaling>
        <c:delete val="1"/>
        <c:axPos val="b"/>
        <c:numFmt formatCode="&quot;H&quot;yy" sourceLinked="1"/>
        <c:majorTickMark val="none"/>
        <c:minorTickMark val="none"/>
        <c:tickLblPos val="none"/>
        <c:crossAx val="139885952"/>
        <c:crosses val="autoZero"/>
        <c:auto val="1"/>
        <c:lblOffset val="100"/>
        <c:baseTimeUnit val="years"/>
      </c:dateAx>
      <c:valAx>
        <c:axId val="139885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84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64.72</c:v>
                </c:pt>
                <c:pt idx="1">
                  <c:v>62.11</c:v>
                </c:pt>
                <c:pt idx="2">
                  <c:v>60.96</c:v>
                </c:pt>
                <c:pt idx="3">
                  <c:v>61.3</c:v>
                </c:pt>
                <c:pt idx="4">
                  <c:v>62.82</c:v>
                </c:pt>
              </c:numCache>
            </c:numRef>
          </c:val>
          <c:extLst>
            <c:ext xmlns:c16="http://schemas.microsoft.com/office/drawing/2014/chart" uri="{C3380CC4-5D6E-409C-BE32-E72D297353CC}">
              <c16:uniqueId val="{00000000-737F-48C6-91DE-7637E29B30A2}"/>
            </c:ext>
          </c:extLst>
        </c:ser>
        <c:dLbls>
          <c:showLegendKey val="0"/>
          <c:showVal val="0"/>
          <c:showCatName val="0"/>
          <c:showSerName val="0"/>
          <c:showPercent val="0"/>
          <c:showBubbleSize val="0"/>
        </c:dLbls>
        <c:gapWidth val="150"/>
        <c:axId val="214084992"/>
        <c:axId val="217040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737F-48C6-91DE-7637E29B30A2}"/>
            </c:ext>
          </c:extLst>
        </c:ser>
        <c:dLbls>
          <c:showLegendKey val="0"/>
          <c:showVal val="0"/>
          <c:showCatName val="0"/>
          <c:showSerName val="0"/>
          <c:showPercent val="0"/>
          <c:showBubbleSize val="0"/>
        </c:dLbls>
        <c:marker val="1"/>
        <c:smooth val="0"/>
        <c:axId val="214084992"/>
        <c:axId val="217040384"/>
      </c:lineChart>
      <c:dateAx>
        <c:axId val="214084992"/>
        <c:scaling>
          <c:orientation val="minMax"/>
        </c:scaling>
        <c:delete val="1"/>
        <c:axPos val="b"/>
        <c:numFmt formatCode="&quot;H&quot;yy" sourceLinked="1"/>
        <c:majorTickMark val="none"/>
        <c:minorTickMark val="none"/>
        <c:tickLblPos val="none"/>
        <c:crossAx val="217040384"/>
        <c:crosses val="autoZero"/>
        <c:auto val="1"/>
        <c:lblOffset val="100"/>
        <c:baseTimeUnit val="years"/>
      </c:dateAx>
      <c:valAx>
        <c:axId val="217040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4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C7F6-4606-B4E4-8B0863BBBF0A}"/>
            </c:ext>
          </c:extLst>
        </c:ser>
        <c:dLbls>
          <c:showLegendKey val="0"/>
          <c:showVal val="0"/>
          <c:showCatName val="0"/>
          <c:showSerName val="0"/>
          <c:showPercent val="0"/>
          <c:showBubbleSize val="0"/>
        </c:dLbls>
        <c:gapWidth val="150"/>
        <c:axId val="217610112"/>
        <c:axId val="2182982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C7F6-4606-B4E4-8B0863BBBF0A}"/>
            </c:ext>
          </c:extLst>
        </c:ser>
        <c:dLbls>
          <c:showLegendKey val="0"/>
          <c:showVal val="0"/>
          <c:showCatName val="0"/>
          <c:showSerName val="0"/>
          <c:showPercent val="0"/>
          <c:showBubbleSize val="0"/>
        </c:dLbls>
        <c:marker val="1"/>
        <c:smooth val="0"/>
        <c:axId val="217610112"/>
        <c:axId val="218298240"/>
      </c:lineChart>
      <c:dateAx>
        <c:axId val="217610112"/>
        <c:scaling>
          <c:orientation val="minMax"/>
        </c:scaling>
        <c:delete val="1"/>
        <c:axPos val="b"/>
        <c:numFmt formatCode="&quot;H&quot;yy" sourceLinked="1"/>
        <c:majorTickMark val="none"/>
        <c:minorTickMark val="none"/>
        <c:tickLblPos val="none"/>
        <c:crossAx val="218298240"/>
        <c:crosses val="autoZero"/>
        <c:auto val="1"/>
        <c:lblOffset val="100"/>
        <c:baseTimeUnit val="years"/>
      </c:dateAx>
      <c:valAx>
        <c:axId val="2182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DE32-476B-9010-C033238F1544}"/>
            </c:ext>
          </c:extLst>
        </c:ser>
        <c:dLbls>
          <c:showLegendKey val="0"/>
          <c:showVal val="0"/>
          <c:showCatName val="0"/>
          <c:showSerName val="0"/>
          <c:showPercent val="0"/>
          <c:showBubbleSize val="0"/>
        </c:dLbls>
        <c:gapWidth val="150"/>
        <c:axId val="73212288"/>
        <c:axId val="73214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DE32-476B-9010-C033238F1544}"/>
            </c:ext>
          </c:extLst>
        </c:ser>
        <c:dLbls>
          <c:showLegendKey val="0"/>
          <c:showVal val="0"/>
          <c:showCatName val="0"/>
          <c:showSerName val="0"/>
          <c:showPercent val="0"/>
          <c:showBubbleSize val="0"/>
        </c:dLbls>
        <c:marker val="1"/>
        <c:smooth val="0"/>
        <c:axId val="73212288"/>
        <c:axId val="73214208"/>
      </c:lineChart>
      <c:dateAx>
        <c:axId val="73212288"/>
        <c:scaling>
          <c:orientation val="minMax"/>
        </c:scaling>
        <c:delete val="1"/>
        <c:axPos val="b"/>
        <c:numFmt formatCode="&quot;H&quot;yy" sourceLinked="1"/>
        <c:majorTickMark val="none"/>
        <c:minorTickMark val="none"/>
        <c:tickLblPos val="none"/>
        <c:crossAx val="73214208"/>
        <c:crosses val="autoZero"/>
        <c:auto val="1"/>
        <c:lblOffset val="100"/>
        <c:baseTimeUnit val="years"/>
      </c:dateAx>
      <c:valAx>
        <c:axId val="73214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12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5BEB-49B7-8A8C-C6ACD9F70EC8}"/>
            </c:ext>
          </c:extLst>
        </c:ser>
        <c:dLbls>
          <c:showLegendKey val="0"/>
          <c:showVal val="0"/>
          <c:showCatName val="0"/>
          <c:showSerName val="0"/>
          <c:showPercent val="0"/>
          <c:showBubbleSize val="0"/>
        </c:dLbls>
        <c:gapWidth val="150"/>
        <c:axId val="73228288"/>
        <c:axId val="73230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5BEB-49B7-8A8C-C6ACD9F70EC8}"/>
            </c:ext>
          </c:extLst>
        </c:ser>
        <c:dLbls>
          <c:showLegendKey val="0"/>
          <c:showVal val="0"/>
          <c:showCatName val="0"/>
          <c:showSerName val="0"/>
          <c:showPercent val="0"/>
          <c:showBubbleSize val="0"/>
        </c:dLbls>
        <c:marker val="1"/>
        <c:smooth val="0"/>
        <c:axId val="73228288"/>
        <c:axId val="73230208"/>
      </c:lineChart>
      <c:dateAx>
        <c:axId val="73228288"/>
        <c:scaling>
          <c:orientation val="minMax"/>
        </c:scaling>
        <c:delete val="1"/>
        <c:axPos val="b"/>
        <c:numFmt formatCode="&quot;H&quot;yy" sourceLinked="1"/>
        <c:majorTickMark val="none"/>
        <c:minorTickMark val="none"/>
        <c:tickLblPos val="none"/>
        <c:crossAx val="73230208"/>
        <c:crosses val="autoZero"/>
        <c:auto val="1"/>
        <c:lblOffset val="100"/>
        <c:baseTimeUnit val="years"/>
      </c:dateAx>
      <c:valAx>
        <c:axId val="73230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61BA-4428-8FCB-FE7898B0AD61}"/>
            </c:ext>
          </c:extLst>
        </c:ser>
        <c:dLbls>
          <c:showLegendKey val="0"/>
          <c:showVal val="0"/>
          <c:showCatName val="0"/>
          <c:showSerName val="0"/>
          <c:showPercent val="0"/>
          <c:showBubbleSize val="0"/>
        </c:dLbls>
        <c:gapWidth val="150"/>
        <c:axId val="73239936"/>
        <c:axId val="73250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61BA-4428-8FCB-FE7898B0AD61}"/>
            </c:ext>
          </c:extLst>
        </c:ser>
        <c:dLbls>
          <c:showLegendKey val="0"/>
          <c:showVal val="0"/>
          <c:showCatName val="0"/>
          <c:showSerName val="0"/>
          <c:showPercent val="0"/>
          <c:showBubbleSize val="0"/>
        </c:dLbls>
        <c:marker val="1"/>
        <c:smooth val="0"/>
        <c:axId val="73239936"/>
        <c:axId val="73250304"/>
      </c:lineChart>
      <c:dateAx>
        <c:axId val="73239936"/>
        <c:scaling>
          <c:orientation val="minMax"/>
        </c:scaling>
        <c:delete val="1"/>
        <c:axPos val="b"/>
        <c:numFmt formatCode="&quot;H&quot;yy" sourceLinked="1"/>
        <c:majorTickMark val="none"/>
        <c:minorTickMark val="none"/>
        <c:tickLblPos val="none"/>
        <c:crossAx val="73250304"/>
        <c:crosses val="autoZero"/>
        <c:auto val="1"/>
        <c:lblOffset val="100"/>
        <c:baseTimeUnit val="years"/>
      </c:dateAx>
      <c:valAx>
        <c:axId val="7325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39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1853.36</c:v>
                </c:pt>
                <c:pt idx="1">
                  <c:v>1646.19</c:v>
                </c:pt>
                <c:pt idx="2">
                  <c:v>1699.24</c:v>
                </c:pt>
                <c:pt idx="3">
                  <c:v>1478.63</c:v>
                </c:pt>
                <c:pt idx="4">
                  <c:v>1840.68</c:v>
                </c:pt>
              </c:numCache>
            </c:numRef>
          </c:val>
          <c:extLst>
            <c:ext xmlns:c16="http://schemas.microsoft.com/office/drawing/2014/chart" uri="{C3380CC4-5D6E-409C-BE32-E72D297353CC}">
              <c16:uniqueId val="{00000000-8F43-4412-A8A5-9062C1AA7D30}"/>
            </c:ext>
          </c:extLst>
        </c:ser>
        <c:dLbls>
          <c:showLegendKey val="0"/>
          <c:showVal val="0"/>
          <c:showCatName val="0"/>
          <c:showSerName val="0"/>
          <c:showPercent val="0"/>
          <c:showBubbleSize val="0"/>
        </c:dLbls>
        <c:gapWidth val="150"/>
        <c:axId val="73337856"/>
        <c:axId val="73340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194.1500000000001</c:v>
                </c:pt>
                <c:pt idx="1">
                  <c:v>1206.79</c:v>
                </c:pt>
                <c:pt idx="2">
                  <c:v>1258.43</c:v>
                </c:pt>
                <c:pt idx="3">
                  <c:v>1163.75</c:v>
                </c:pt>
                <c:pt idx="4">
                  <c:v>1195.47</c:v>
                </c:pt>
              </c:numCache>
            </c:numRef>
          </c:val>
          <c:smooth val="0"/>
          <c:extLst>
            <c:ext xmlns:c16="http://schemas.microsoft.com/office/drawing/2014/chart" uri="{C3380CC4-5D6E-409C-BE32-E72D297353CC}">
              <c16:uniqueId val="{00000001-8F43-4412-A8A5-9062C1AA7D30}"/>
            </c:ext>
          </c:extLst>
        </c:ser>
        <c:dLbls>
          <c:showLegendKey val="0"/>
          <c:showVal val="0"/>
          <c:showCatName val="0"/>
          <c:showSerName val="0"/>
          <c:showPercent val="0"/>
          <c:showBubbleSize val="0"/>
        </c:dLbls>
        <c:marker val="1"/>
        <c:smooth val="0"/>
        <c:axId val="73337856"/>
        <c:axId val="73340032"/>
      </c:lineChart>
      <c:dateAx>
        <c:axId val="73337856"/>
        <c:scaling>
          <c:orientation val="minMax"/>
        </c:scaling>
        <c:delete val="1"/>
        <c:axPos val="b"/>
        <c:numFmt formatCode="&quot;H&quot;yy" sourceLinked="1"/>
        <c:majorTickMark val="none"/>
        <c:minorTickMark val="none"/>
        <c:tickLblPos val="none"/>
        <c:crossAx val="73340032"/>
        <c:crosses val="autoZero"/>
        <c:auto val="1"/>
        <c:lblOffset val="100"/>
        <c:baseTimeUnit val="years"/>
      </c:dateAx>
      <c:valAx>
        <c:axId val="73340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20.47</c:v>
                </c:pt>
                <c:pt idx="1">
                  <c:v>22.38</c:v>
                </c:pt>
                <c:pt idx="2">
                  <c:v>18.68</c:v>
                </c:pt>
                <c:pt idx="3">
                  <c:v>20.23</c:v>
                </c:pt>
                <c:pt idx="4">
                  <c:v>14.81</c:v>
                </c:pt>
              </c:numCache>
            </c:numRef>
          </c:val>
          <c:extLst>
            <c:ext xmlns:c16="http://schemas.microsoft.com/office/drawing/2014/chart" uri="{C3380CC4-5D6E-409C-BE32-E72D297353CC}">
              <c16:uniqueId val="{00000000-5D22-48B5-A5E3-6EFC1F21DB77}"/>
            </c:ext>
          </c:extLst>
        </c:ser>
        <c:dLbls>
          <c:showLegendKey val="0"/>
          <c:showVal val="0"/>
          <c:showCatName val="0"/>
          <c:showSerName val="0"/>
          <c:showPercent val="0"/>
          <c:showBubbleSize val="0"/>
        </c:dLbls>
        <c:gapWidth val="150"/>
        <c:axId val="73353856"/>
        <c:axId val="73360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2.260000000000005</c:v>
                </c:pt>
                <c:pt idx="1">
                  <c:v>71.84</c:v>
                </c:pt>
                <c:pt idx="2">
                  <c:v>73.36</c:v>
                </c:pt>
                <c:pt idx="3">
                  <c:v>72.599999999999994</c:v>
                </c:pt>
                <c:pt idx="4">
                  <c:v>69.430000000000007</c:v>
                </c:pt>
              </c:numCache>
            </c:numRef>
          </c:val>
          <c:smooth val="0"/>
          <c:extLst>
            <c:ext xmlns:c16="http://schemas.microsoft.com/office/drawing/2014/chart" uri="{C3380CC4-5D6E-409C-BE32-E72D297353CC}">
              <c16:uniqueId val="{00000001-5D22-48B5-A5E3-6EFC1F21DB77}"/>
            </c:ext>
          </c:extLst>
        </c:ser>
        <c:dLbls>
          <c:showLegendKey val="0"/>
          <c:showVal val="0"/>
          <c:showCatName val="0"/>
          <c:showSerName val="0"/>
          <c:showPercent val="0"/>
          <c:showBubbleSize val="0"/>
        </c:dLbls>
        <c:marker val="1"/>
        <c:smooth val="0"/>
        <c:axId val="73353856"/>
        <c:axId val="73360128"/>
      </c:lineChart>
      <c:dateAx>
        <c:axId val="73353856"/>
        <c:scaling>
          <c:orientation val="minMax"/>
        </c:scaling>
        <c:delete val="1"/>
        <c:axPos val="b"/>
        <c:numFmt formatCode="&quot;H&quot;yy" sourceLinked="1"/>
        <c:majorTickMark val="none"/>
        <c:minorTickMark val="none"/>
        <c:tickLblPos val="none"/>
        <c:crossAx val="73360128"/>
        <c:crosses val="autoZero"/>
        <c:auto val="1"/>
        <c:lblOffset val="100"/>
        <c:baseTimeUnit val="years"/>
      </c:dateAx>
      <c:valAx>
        <c:axId val="73360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53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508.55</c:v>
                </c:pt>
                <c:pt idx="1">
                  <c:v>494.15</c:v>
                </c:pt>
                <c:pt idx="2">
                  <c:v>529.38</c:v>
                </c:pt>
                <c:pt idx="3">
                  <c:v>554.24</c:v>
                </c:pt>
                <c:pt idx="4">
                  <c:v>605.05999999999995</c:v>
                </c:pt>
              </c:numCache>
            </c:numRef>
          </c:val>
          <c:extLst>
            <c:ext xmlns:c16="http://schemas.microsoft.com/office/drawing/2014/chart" uri="{C3380CC4-5D6E-409C-BE32-E72D297353CC}">
              <c16:uniqueId val="{00000000-2B8B-483B-8FE5-8A88BDFB6A8A}"/>
            </c:ext>
          </c:extLst>
        </c:ser>
        <c:dLbls>
          <c:showLegendKey val="0"/>
          <c:showVal val="0"/>
          <c:showCatName val="0"/>
          <c:showSerName val="0"/>
          <c:showPercent val="0"/>
          <c:showBubbleSize val="0"/>
        </c:dLbls>
        <c:gapWidth val="150"/>
        <c:axId val="73369856"/>
        <c:axId val="73372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30.02</c:v>
                </c:pt>
                <c:pt idx="1">
                  <c:v>228.47</c:v>
                </c:pt>
                <c:pt idx="2">
                  <c:v>224.88</c:v>
                </c:pt>
                <c:pt idx="3">
                  <c:v>228.64</c:v>
                </c:pt>
                <c:pt idx="4">
                  <c:v>239.46</c:v>
                </c:pt>
              </c:numCache>
            </c:numRef>
          </c:val>
          <c:smooth val="0"/>
          <c:extLst>
            <c:ext xmlns:c16="http://schemas.microsoft.com/office/drawing/2014/chart" uri="{C3380CC4-5D6E-409C-BE32-E72D297353CC}">
              <c16:uniqueId val="{00000001-2B8B-483B-8FE5-8A88BDFB6A8A}"/>
            </c:ext>
          </c:extLst>
        </c:ser>
        <c:dLbls>
          <c:showLegendKey val="0"/>
          <c:showVal val="0"/>
          <c:showCatName val="0"/>
          <c:showSerName val="0"/>
          <c:showPercent val="0"/>
          <c:showBubbleSize val="0"/>
        </c:dLbls>
        <c:marker val="1"/>
        <c:smooth val="0"/>
        <c:axId val="73369856"/>
        <c:axId val="73372032"/>
      </c:lineChart>
      <c:dateAx>
        <c:axId val="73369856"/>
        <c:scaling>
          <c:orientation val="minMax"/>
        </c:scaling>
        <c:delete val="1"/>
        <c:axPos val="b"/>
        <c:numFmt formatCode="&quot;H&quot;yy" sourceLinked="1"/>
        <c:majorTickMark val="none"/>
        <c:minorTickMark val="none"/>
        <c:tickLblPos val="none"/>
        <c:crossAx val="73372032"/>
        <c:crosses val="autoZero"/>
        <c:auto val="1"/>
        <c:lblOffset val="100"/>
        <c:baseTimeUnit val="years"/>
      </c:dateAx>
      <c:valAx>
        <c:axId val="73372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9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82.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5.6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2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20.62】</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78】</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1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topLeftCell="AK1" zoomScaleNormal="100" workbookViewId="0">
      <selection activeCell="BB1" sqref="BB1"/>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清川村</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1</v>
      </c>
      <c r="C7" s="51"/>
      <c r="D7" s="51"/>
      <c r="E7" s="51"/>
      <c r="F7" s="51"/>
      <c r="G7" s="51"/>
      <c r="H7" s="51"/>
      <c r="I7" s="51" t="s">
        <v>2</v>
      </c>
      <c r="J7" s="51"/>
      <c r="K7" s="51"/>
      <c r="L7" s="51"/>
      <c r="M7" s="51"/>
      <c r="N7" s="51"/>
      <c r="O7" s="51"/>
      <c r="P7" s="51" t="s">
        <v>3</v>
      </c>
      <c r="Q7" s="51"/>
      <c r="R7" s="51"/>
      <c r="S7" s="51"/>
      <c r="T7" s="51"/>
      <c r="U7" s="51"/>
      <c r="V7" s="51"/>
      <c r="W7" s="51" t="s">
        <v>4</v>
      </c>
      <c r="X7" s="51"/>
      <c r="Y7" s="51"/>
      <c r="Z7" s="51"/>
      <c r="AA7" s="51"/>
      <c r="AB7" s="51"/>
      <c r="AC7" s="51"/>
      <c r="AD7" s="51" t="s">
        <v>5</v>
      </c>
      <c r="AE7" s="51"/>
      <c r="AF7" s="51"/>
      <c r="AG7" s="51"/>
      <c r="AH7" s="51"/>
      <c r="AI7" s="51"/>
      <c r="AJ7" s="51"/>
      <c r="AK7" s="3"/>
      <c r="AL7" s="51" t="s">
        <v>6</v>
      </c>
      <c r="AM7" s="51"/>
      <c r="AN7" s="51"/>
      <c r="AO7" s="51"/>
      <c r="AP7" s="51"/>
      <c r="AQ7" s="51"/>
      <c r="AR7" s="51"/>
      <c r="AS7" s="51"/>
      <c r="AT7" s="51" t="s">
        <v>7</v>
      </c>
      <c r="AU7" s="51"/>
      <c r="AV7" s="51"/>
      <c r="AW7" s="51"/>
      <c r="AX7" s="51"/>
      <c r="AY7" s="51"/>
      <c r="AZ7" s="51"/>
      <c r="BA7" s="51"/>
      <c r="BB7" s="51" t="s">
        <v>8</v>
      </c>
      <c r="BC7" s="51"/>
      <c r="BD7" s="51"/>
      <c r="BE7" s="51"/>
      <c r="BF7" s="51"/>
      <c r="BG7" s="51"/>
      <c r="BH7" s="51"/>
      <c r="BI7" s="51"/>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非適用</v>
      </c>
      <c r="C8" s="65"/>
      <c r="D8" s="65"/>
      <c r="E8" s="65"/>
      <c r="F8" s="65"/>
      <c r="G8" s="65"/>
      <c r="H8" s="65"/>
      <c r="I8" s="65" t="str">
        <f>データ!J6</f>
        <v>下水道事業</v>
      </c>
      <c r="J8" s="65"/>
      <c r="K8" s="65"/>
      <c r="L8" s="65"/>
      <c r="M8" s="65"/>
      <c r="N8" s="65"/>
      <c r="O8" s="65"/>
      <c r="P8" s="65" t="str">
        <f>データ!K6</f>
        <v>特定環境保全公共下水道</v>
      </c>
      <c r="Q8" s="65"/>
      <c r="R8" s="65"/>
      <c r="S8" s="65"/>
      <c r="T8" s="65"/>
      <c r="U8" s="65"/>
      <c r="V8" s="65"/>
      <c r="W8" s="65" t="str">
        <f>データ!L6</f>
        <v>D2</v>
      </c>
      <c r="X8" s="65"/>
      <c r="Y8" s="65"/>
      <c r="Z8" s="65"/>
      <c r="AA8" s="65"/>
      <c r="AB8" s="65"/>
      <c r="AC8" s="65"/>
      <c r="AD8" s="66" t="str">
        <f>データ!$M$6</f>
        <v>非設置</v>
      </c>
      <c r="AE8" s="66"/>
      <c r="AF8" s="66"/>
      <c r="AG8" s="66"/>
      <c r="AH8" s="66"/>
      <c r="AI8" s="66"/>
      <c r="AJ8" s="66"/>
      <c r="AK8" s="3"/>
      <c r="AL8" s="45">
        <f>データ!S6</f>
        <v>2812</v>
      </c>
      <c r="AM8" s="45"/>
      <c r="AN8" s="45"/>
      <c r="AO8" s="45"/>
      <c r="AP8" s="45"/>
      <c r="AQ8" s="45"/>
      <c r="AR8" s="45"/>
      <c r="AS8" s="45"/>
      <c r="AT8" s="46">
        <f>データ!T6</f>
        <v>71.239999999999995</v>
      </c>
      <c r="AU8" s="46"/>
      <c r="AV8" s="46"/>
      <c r="AW8" s="46"/>
      <c r="AX8" s="46"/>
      <c r="AY8" s="46"/>
      <c r="AZ8" s="46"/>
      <c r="BA8" s="46"/>
      <c r="BB8" s="46">
        <f>データ!U6</f>
        <v>39.47</v>
      </c>
      <c r="BC8" s="46"/>
      <c r="BD8" s="46"/>
      <c r="BE8" s="46"/>
      <c r="BF8" s="46"/>
      <c r="BG8" s="46"/>
      <c r="BH8" s="46"/>
      <c r="BI8" s="46"/>
      <c r="BJ8" s="3"/>
      <c r="BK8" s="3"/>
      <c r="BL8" s="61" t="s">
        <v>10</v>
      </c>
      <c r="BM8" s="62"/>
      <c r="BN8" s="63" t="s">
        <v>11</v>
      </c>
      <c r="BO8" s="63"/>
      <c r="BP8" s="63"/>
      <c r="BQ8" s="63"/>
      <c r="BR8" s="63"/>
      <c r="BS8" s="63"/>
      <c r="BT8" s="63"/>
      <c r="BU8" s="63"/>
      <c r="BV8" s="63"/>
      <c r="BW8" s="63"/>
      <c r="BX8" s="63"/>
      <c r="BY8" s="64"/>
    </row>
    <row r="9" spans="1:78" ht="18.75" customHeight="1" x14ac:dyDescent="0.2">
      <c r="A9" s="2"/>
      <c r="B9" s="51" t="s">
        <v>12</v>
      </c>
      <c r="C9" s="51"/>
      <c r="D9" s="51"/>
      <c r="E9" s="51"/>
      <c r="F9" s="51"/>
      <c r="G9" s="51"/>
      <c r="H9" s="51"/>
      <c r="I9" s="51" t="s">
        <v>13</v>
      </c>
      <c r="J9" s="51"/>
      <c r="K9" s="51"/>
      <c r="L9" s="51"/>
      <c r="M9" s="51"/>
      <c r="N9" s="51"/>
      <c r="O9" s="51"/>
      <c r="P9" s="51" t="s">
        <v>14</v>
      </c>
      <c r="Q9" s="51"/>
      <c r="R9" s="51"/>
      <c r="S9" s="51"/>
      <c r="T9" s="51"/>
      <c r="U9" s="51"/>
      <c r="V9" s="51"/>
      <c r="W9" s="51" t="s">
        <v>15</v>
      </c>
      <c r="X9" s="51"/>
      <c r="Y9" s="51"/>
      <c r="Z9" s="51"/>
      <c r="AA9" s="51"/>
      <c r="AB9" s="51"/>
      <c r="AC9" s="51"/>
      <c r="AD9" s="51" t="s">
        <v>16</v>
      </c>
      <c r="AE9" s="51"/>
      <c r="AF9" s="51"/>
      <c r="AG9" s="51"/>
      <c r="AH9" s="51"/>
      <c r="AI9" s="51"/>
      <c r="AJ9" s="51"/>
      <c r="AK9" s="3"/>
      <c r="AL9" s="51" t="s">
        <v>17</v>
      </c>
      <c r="AM9" s="51"/>
      <c r="AN9" s="51"/>
      <c r="AO9" s="51"/>
      <c r="AP9" s="51"/>
      <c r="AQ9" s="51"/>
      <c r="AR9" s="51"/>
      <c r="AS9" s="51"/>
      <c r="AT9" s="51" t="s">
        <v>18</v>
      </c>
      <c r="AU9" s="51"/>
      <c r="AV9" s="51"/>
      <c r="AW9" s="51"/>
      <c r="AX9" s="51"/>
      <c r="AY9" s="51"/>
      <c r="AZ9" s="51"/>
      <c r="BA9" s="51"/>
      <c r="BB9" s="51" t="s">
        <v>19</v>
      </c>
      <c r="BC9" s="51"/>
      <c r="BD9" s="51"/>
      <c r="BE9" s="51"/>
      <c r="BF9" s="51"/>
      <c r="BG9" s="51"/>
      <c r="BH9" s="51"/>
      <c r="BI9" s="51"/>
      <c r="BJ9" s="3"/>
      <c r="BK9" s="3"/>
      <c r="BL9" s="52" t="s">
        <v>20</v>
      </c>
      <c r="BM9" s="53"/>
      <c r="BN9" s="54" t="s">
        <v>21</v>
      </c>
      <c r="BO9" s="54"/>
      <c r="BP9" s="54"/>
      <c r="BQ9" s="54"/>
      <c r="BR9" s="54"/>
      <c r="BS9" s="54"/>
      <c r="BT9" s="54"/>
      <c r="BU9" s="54"/>
      <c r="BV9" s="54"/>
      <c r="BW9" s="54"/>
      <c r="BX9" s="54"/>
      <c r="BY9" s="55"/>
    </row>
    <row r="10" spans="1:78" ht="18.75" customHeight="1" x14ac:dyDescent="0.2">
      <c r="A10" s="2"/>
      <c r="B10" s="46" t="str">
        <f>データ!N6</f>
        <v>-</v>
      </c>
      <c r="C10" s="46"/>
      <c r="D10" s="46"/>
      <c r="E10" s="46"/>
      <c r="F10" s="46"/>
      <c r="G10" s="46"/>
      <c r="H10" s="46"/>
      <c r="I10" s="46" t="str">
        <f>データ!O6</f>
        <v>該当数値なし</v>
      </c>
      <c r="J10" s="46"/>
      <c r="K10" s="46"/>
      <c r="L10" s="46"/>
      <c r="M10" s="46"/>
      <c r="N10" s="46"/>
      <c r="O10" s="46"/>
      <c r="P10" s="46">
        <f>データ!P6</f>
        <v>97.45</v>
      </c>
      <c r="Q10" s="46"/>
      <c r="R10" s="46"/>
      <c r="S10" s="46"/>
      <c r="T10" s="46"/>
      <c r="U10" s="46"/>
      <c r="V10" s="46"/>
      <c r="W10" s="46">
        <f>データ!Q6</f>
        <v>98.5</v>
      </c>
      <c r="X10" s="46"/>
      <c r="Y10" s="46"/>
      <c r="Z10" s="46"/>
      <c r="AA10" s="46"/>
      <c r="AB10" s="46"/>
      <c r="AC10" s="46"/>
      <c r="AD10" s="45">
        <f>データ!R6</f>
        <v>1650</v>
      </c>
      <c r="AE10" s="45"/>
      <c r="AF10" s="45"/>
      <c r="AG10" s="45"/>
      <c r="AH10" s="45"/>
      <c r="AI10" s="45"/>
      <c r="AJ10" s="45"/>
      <c r="AK10" s="2"/>
      <c r="AL10" s="45">
        <f>データ!V6</f>
        <v>2711</v>
      </c>
      <c r="AM10" s="45"/>
      <c r="AN10" s="45"/>
      <c r="AO10" s="45"/>
      <c r="AP10" s="45"/>
      <c r="AQ10" s="45"/>
      <c r="AR10" s="45"/>
      <c r="AS10" s="45"/>
      <c r="AT10" s="46">
        <f>データ!W6</f>
        <v>0.91</v>
      </c>
      <c r="AU10" s="46"/>
      <c r="AV10" s="46"/>
      <c r="AW10" s="46"/>
      <c r="AX10" s="46"/>
      <c r="AY10" s="46"/>
      <c r="AZ10" s="46"/>
      <c r="BA10" s="46"/>
      <c r="BB10" s="46">
        <f>データ!X6</f>
        <v>2979.12</v>
      </c>
      <c r="BC10" s="46"/>
      <c r="BD10" s="46"/>
      <c r="BE10" s="46"/>
      <c r="BF10" s="46"/>
      <c r="BG10" s="46"/>
      <c r="BH10" s="46"/>
      <c r="BI10" s="46"/>
      <c r="BJ10" s="2"/>
      <c r="BK10" s="2"/>
      <c r="BL10" s="47" t="s">
        <v>22</v>
      </c>
      <c r="BM10" s="48"/>
      <c r="BN10" s="49" t="s">
        <v>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9</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8</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7</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x14ac:dyDescent="0.2">
      <c r="C84" s="2"/>
    </row>
    <row r="85" spans="1:78" hidden="1" x14ac:dyDescent="0.2">
      <c r="B85" s="12" t="s">
        <v>31</v>
      </c>
      <c r="C85" s="12"/>
      <c r="D85" s="12"/>
      <c r="E85" s="12" t="s">
        <v>32</v>
      </c>
      <c r="F85" s="12" t="s">
        <v>33</v>
      </c>
      <c r="G85" s="12" t="s">
        <v>34</v>
      </c>
      <c r="H85" s="12" t="s">
        <v>35</v>
      </c>
      <c r="I85" s="12" t="s">
        <v>36</v>
      </c>
      <c r="J85" s="12" t="s">
        <v>37</v>
      </c>
      <c r="K85" s="12" t="s">
        <v>38</v>
      </c>
      <c r="L85" s="12" t="s">
        <v>39</v>
      </c>
      <c r="M85" s="12" t="s">
        <v>40</v>
      </c>
      <c r="N85" s="12" t="s">
        <v>41</v>
      </c>
      <c r="O85" s="12" t="s">
        <v>42</v>
      </c>
    </row>
    <row r="86" spans="1:78" hidden="1" x14ac:dyDescent="0.2">
      <c r="B86" s="12"/>
      <c r="C86" s="12"/>
      <c r="D86" s="12"/>
      <c r="E86" s="12" t="str">
        <f>データ!AI6</f>
        <v/>
      </c>
      <c r="F86" s="12" t="s">
        <v>43</v>
      </c>
      <c r="G86" s="12" t="s">
        <v>44</v>
      </c>
      <c r="H86" s="12" t="str">
        <f>データ!BP6</f>
        <v>【1,182.11】</v>
      </c>
      <c r="I86" s="12" t="str">
        <f>データ!CA6</f>
        <v>【73.78】</v>
      </c>
      <c r="J86" s="12" t="str">
        <f>データ!CL6</f>
        <v>【220.62】</v>
      </c>
      <c r="K86" s="12" t="str">
        <f>データ!CW6</f>
        <v>【42.22】</v>
      </c>
      <c r="L86" s="12" t="str">
        <f>データ!DH6</f>
        <v>【85.67】</v>
      </c>
      <c r="M86" s="12" t="s">
        <v>43</v>
      </c>
      <c r="N86" s="12" t="s">
        <v>43</v>
      </c>
      <c r="O86" s="12" t="str">
        <f>データ!EO6</f>
        <v>【0.13】</v>
      </c>
    </row>
  </sheetData>
  <sheetProtection algorithmName="SHA-512" hashValue="hpaVukxtaQ4fVrT2SkiyUS9fpPWeboUfMaf9jYioxjp/WiVgZDygWSs0VNwd5lMuB4O1slKSnHes7hn0h2MSwA==" saltValue="8z4uMzHBHh9URnq8T1p+hQ=="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0"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3"/>
  <sheetViews>
    <sheetView showGridLines="0" workbookViewId="0"/>
  </sheetViews>
  <sheetFormatPr defaultRowHeight="13.2" x14ac:dyDescent="0.2"/>
  <cols>
    <col min="2" max="144" width="11.88671875" customWidth="1"/>
  </cols>
  <sheetData>
    <row r="1" spans="1:145" x14ac:dyDescent="0.2">
      <c r="A1" t="s">
        <v>45</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5" x14ac:dyDescent="0.2">
      <c r="A2" s="14" t="s">
        <v>46</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5" x14ac:dyDescent="0.2">
      <c r="A3" s="14" t="s">
        <v>47</v>
      </c>
      <c r="B3" s="15" t="s">
        <v>48</v>
      </c>
      <c r="C3" s="15" t="s">
        <v>49</v>
      </c>
      <c r="D3" s="15" t="s">
        <v>50</v>
      </c>
      <c r="E3" s="15" t="s">
        <v>51</v>
      </c>
      <c r="F3" s="15" t="s">
        <v>52</v>
      </c>
      <c r="G3" s="15" t="s">
        <v>53</v>
      </c>
      <c r="H3" s="73" t="s">
        <v>54</v>
      </c>
      <c r="I3" s="74"/>
      <c r="J3" s="74"/>
      <c r="K3" s="74"/>
      <c r="L3" s="74"/>
      <c r="M3" s="74"/>
      <c r="N3" s="74"/>
      <c r="O3" s="74"/>
      <c r="P3" s="74"/>
      <c r="Q3" s="74"/>
      <c r="R3" s="74"/>
      <c r="S3" s="74"/>
      <c r="T3" s="74"/>
      <c r="U3" s="74"/>
      <c r="V3" s="74"/>
      <c r="W3" s="74"/>
      <c r="X3" s="75"/>
      <c r="Y3" s="79" t="s">
        <v>55</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6</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5" x14ac:dyDescent="0.2">
      <c r="A4" s="14" t="s">
        <v>57</v>
      </c>
      <c r="B4" s="16"/>
      <c r="C4" s="16"/>
      <c r="D4" s="16"/>
      <c r="E4" s="16"/>
      <c r="F4" s="16"/>
      <c r="G4" s="16"/>
      <c r="H4" s="76"/>
      <c r="I4" s="77"/>
      <c r="J4" s="77"/>
      <c r="K4" s="77"/>
      <c r="L4" s="77"/>
      <c r="M4" s="77"/>
      <c r="N4" s="77"/>
      <c r="O4" s="77"/>
      <c r="P4" s="77"/>
      <c r="Q4" s="77"/>
      <c r="R4" s="77"/>
      <c r="S4" s="77"/>
      <c r="T4" s="77"/>
      <c r="U4" s="77"/>
      <c r="V4" s="77"/>
      <c r="W4" s="77"/>
      <c r="X4" s="78"/>
      <c r="Y4" s="72" t="s">
        <v>58</v>
      </c>
      <c r="Z4" s="72"/>
      <c r="AA4" s="72"/>
      <c r="AB4" s="72"/>
      <c r="AC4" s="72"/>
      <c r="AD4" s="72"/>
      <c r="AE4" s="72"/>
      <c r="AF4" s="72"/>
      <c r="AG4" s="72"/>
      <c r="AH4" s="72"/>
      <c r="AI4" s="72"/>
      <c r="AJ4" s="72" t="s">
        <v>59</v>
      </c>
      <c r="AK4" s="72"/>
      <c r="AL4" s="72"/>
      <c r="AM4" s="72"/>
      <c r="AN4" s="72"/>
      <c r="AO4" s="72"/>
      <c r="AP4" s="72"/>
      <c r="AQ4" s="72"/>
      <c r="AR4" s="72"/>
      <c r="AS4" s="72"/>
      <c r="AT4" s="72"/>
      <c r="AU4" s="72" t="s">
        <v>60</v>
      </c>
      <c r="AV4" s="72"/>
      <c r="AW4" s="72"/>
      <c r="AX4" s="72"/>
      <c r="AY4" s="72"/>
      <c r="AZ4" s="72"/>
      <c r="BA4" s="72"/>
      <c r="BB4" s="72"/>
      <c r="BC4" s="72"/>
      <c r="BD4" s="72"/>
      <c r="BE4" s="72"/>
      <c r="BF4" s="72" t="s">
        <v>61</v>
      </c>
      <c r="BG4" s="72"/>
      <c r="BH4" s="72"/>
      <c r="BI4" s="72"/>
      <c r="BJ4" s="72"/>
      <c r="BK4" s="72"/>
      <c r="BL4" s="72"/>
      <c r="BM4" s="72"/>
      <c r="BN4" s="72"/>
      <c r="BO4" s="72"/>
      <c r="BP4" s="72"/>
      <c r="BQ4" s="72" t="s">
        <v>62</v>
      </c>
      <c r="BR4" s="72"/>
      <c r="BS4" s="72"/>
      <c r="BT4" s="72"/>
      <c r="BU4" s="72"/>
      <c r="BV4" s="72"/>
      <c r="BW4" s="72"/>
      <c r="BX4" s="72"/>
      <c r="BY4" s="72"/>
      <c r="BZ4" s="72"/>
      <c r="CA4" s="72"/>
      <c r="CB4" s="72" t="s">
        <v>63</v>
      </c>
      <c r="CC4" s="72"/>
      <c r="CD4" s="72"/>
      <c r="CE4" s="72"/>
      <c r="CF4" s="72"/>
      <c r="CG4" s="72"/>
      <c r="CH4" s="72"/>
      <c r="CI4" s="72"/>
      <c r="CJ4" s="72"/>
      <c r="CK4" s="72"/>
      <c r="CL4" s="72"/>
      <c r="CM4" s="72" t="s">
        <v>64</v>
      </c>
      <c r="CN4" s="72"/>
      <c r="CO4" s="72"/>
      <c r="CP4" s="72"/>
      <c r="CQ4" s="72"/>
      <c r="CR4" s="72"/>
      <c r="CS4" s="72"/>
      <c r="CT4" s="72"/>
      <c r="CU4" s="72"/>
      <c r="CV4" s="72"/>
      <c r="CW4" s="72"/>
      <c r="CX4" s="72" t="s">
        <v>65</v>
      </c>
      <c r="CY4" s="72"/>
      <c r="CZ4" s="72"/>
      <c r="DA4" s="72"/>
      <c r="DB4" s="72"/>
      <c r="DC4" s="72"/>
      <c r="DD4" s="72"/>
      <c r="DE4" s="72"/>
      <c r="DF4" s="72"/>
      <c r="DG4" s="72"/>
      <c r="DH4" s="72"/>
      <c r="DI4" s="72" t="s">
        <v>66</v>
      </c>
      <c r="DJ4" s="72"/>
      <c r="DK4" s="72"/>
      <c r="DL4" s="72"/>
      <c r="DM4" s="72"/>
      <c r="DN4" s="72"/>
      <c r="DO4" s="72"/>
      <c r="DP4" s="72"/>
      <c r="DQ4" s="72"/>
      <c r="DR4" s="72"/>
      <c r="DS4" s="72"/>
      <c r="DT4" s="72" t="s">
        <v>67</v>
      </c>
      <c r="DU4" s="72"/>
      <c r="DV4" s="72"/>
      <c r="DW4" s="72"/>
      <c r="DX4" s="72"/>
      <c r="DY4" s="72"/>
      <c r="DZ4" s="72"/>
      <c r="EA4" s="72"/>
      <c r="EB4" s="72"/>
      <c r="EC4" s="72"/>
      <c r="ED4" s="72"/>
      <c r="EE4" s="72" t="s">
        <v>68</v>
      </c>
      <c r="EF4" s="72"/>
      <c r="EG4" s="72"/>
      <c r="EH4" s="72"/>
      <c r="EI4" s="72"/>
      <c r="EJ4" s="72"/>
      <c r="EK4" s="72"/>
      <c r="EL4" s="72"/>
      <c r="EM4" s="72"/>
      <c r="EN4" s="72"/>
      <c r="EO4" s="72"/>
    </row>
    <row r="5" spans="1:145" x14ac:dyDescent="0.2">
      <c r="A5" s="14" t="s">
        <v>69</v>
      </c>
      <c r="B5" s="17"/>
      <c r="C5" s="17"/>
      <c r="D5" s="17"/>
      <c r="E5" s="17"/>
      <c r="F5" s="17"/>
      <c r="G5" s="17"/>
      <c r="H5" s="18" t="s">
        <v>70</v>
      </c>
      <c r="I5" s="18" t="s">
        <v>71</v>
      </c>
      <c r="J5" s="18" t="s">
        <v>72</v>
      </c>
      <c r="K5" s="18" t="s">
        <v>73</v>
      </c>
      <c r="L5" s="18" t="s">
        <v>74</v>
      </c>
      <c r="M5" s="18" t="s">
        <v>5</v>
      </c>
      <c r="N5" s="18" t="s">
        <v>75</v>
      </c>
      <c r="O5" s="18" t="s">
        <v>76</v>
      </c>
      <c r="P5" s="18" t="s">
        <v>77</v>
      </c>
      <c r="Q5" s="18" t="s">
        <v>78</v>
      </c>
      <c r="R5" s="18" t="s">
        <v>79</v>
      </c>
      <c r="S5" s="18" t="s">
        <v>80</v>
      </c>
      <c r="T5" s="18" t="s">
        <v>81</v>
      </c>
      <c r="U5" s="18" t="s">
        <v>82</v>
      </c>
      <c r="V5" s="18" t="s">
        <v>83</v>
      </c>
      <c r="W5" s="18" t="s">
        <v>84</v>
      </c>
      <c r="X5" s="18" t="s">
        <v>85</v>
      </c>
      <c r="Y5" s="18" t="s">
        <v>86</v>
      </c>
      <c r="Z5" s="18" t="s">
        <v>87</v>
      </c>
      <c r="AA5" s="18" t="s">
        <v>88</v>
      </c>
      <c r="AB5" s="18" t="s">
        <v>89</v>
      </c>
      <c r="AC5" s="18" t="s">
        <v>90</v>
      </c>
      <c r="AD5" s="18" t="s">
        <v>91</v>
      </c>
      <c r="AE5" s="18" t="s">
        <v>92</v>
      </c>
      <c r="AF5" s="18" t="s">
        <v>93</v>
      </c>
      <c r="AG5" s="18" t="s">
        <v>94</v>
      </c>
      <c r="AH5" s="18" t="s">
        <v>95</v>
      </c>
      <c r="AI5" s="18" t="s">
        <v>31</v>
      </c>
      <c r="AJ5" s="18" t="s">
        <v>86</v>
      </c>
      <c r="AK5" s="18" t="s">
        <v>87</v>
      </c>
      <c r="AL5" s="18" t="s">
        <v>88</v>
      </c>
      <c r="AM5" s="18" t="s">
        <v>89</v>
      </c>
      <c r="AN5" s="18" t="s">
        <v>90</v>
      </c>
      <c r="AO5" s="18" t="s">
        <v>91</v>
      </c>
      <c r="AP5" s="18" t="s">
        <v>92</v>
      </c>
      <c r="AQ5" s="18" t="s">
        <v>93</v>
      </c>
      <c r="AR5" s="18" t="s">
        <v>94</v>
      </c>
      <c r="AS5" s="18" t="s">
        <v>95</v>
      </c>
      <c r="AT5" s="18" t="s">
        <v>96</v>
      </c>
      <c r="AU5" s="18" t="s">
        <v>86</v>
      </c>
      <c r="AV5" s="18" t="s">
        <v>87</v>
      </c>
      <c r="AW5" s="18" t="s">
        <v>88</v>
      </c>
      <c r="AX5" s="18" t="s">
        <v>89</v>
      </c>
      <c r="AY5" s="18" t="s">
        <v>90</v>
      </c>
      <c r="AZ5" s="18" t="s">
        <v>91</v>
      </c>
      <c r="BA5" s="18" t="s">
        <v>92</v>
      </c>
      <c r="BB5" s="18" t="s">
        <v>93</v>
      </c>
      <c r="BC5" s="18" t="s">
        <v>94</v>
      </c>
      <c r="BD5" s="18" t="s">
        <v>95</v>
      </c>
      <c r="BE5" s="18" t="s">
        <v>96</v>
      </c>
      <c r="BF5" s="18" t="s">
        <v>86</v>
      </c>
      <c r="BG5" s="18" t="s">
        <v>87</v>
      </c>
      <c r="BH5" s="18" t="s">
        <v>88</v>
      </c>
      <c r="BI5" s="18" t="s">
        <v>89</v>
      </c>
      <c r="BJ5" s="18" t="s">
        <v>90</v>
      </c>
      <c r="BK5" s="18" t="s">
        <v>91</v>
      </c>
      <c r="BL5" s="18" t="s">
        <v>92</v>
      </c>
      <c r="BM5" s="18" t="s">
        <v>93</v>
      </c>
      <c r="BN5" s="18" t="s">
        <v>94</v>
      </c>
      <c r="BO5" s="18" t="s">
        <v>95</v>
      </c>
      <c r="BP5" s="18" t="s">
        <v>96</v>
      </c>
      <c r="BQ5" s="18" t="s">
        <v>86</v>
      </c>
      <c r="BR5" s="18" t="s">
        <v>87</v>
      </c>
      <c r="BS5" s="18" t="s">
        <v>88</v>
      </c>
      <c r="BT5" s="18" t="s">
        <v>89</v>
      </c>
      <c r="BU5" s="18" t="s">
        <v>90</v>
      </c>
      <c r="BV5" s="18" t="s">
        <v>91</v>
      </c>
      <c r="BW5" s="18" t="s">
        <v>92</v>
      </c>
      <c r="BX5" s="18" t="s">
        <v>93</v>
      </c>
      <c r="BY5" s="18" t="s">
        <v>94</v>
      </c>
      <c r="BZ5" s="18" t="s">
        <v>95</v>
      </c>
      <c r="CA5" s="18" t="s">
        <v>96</v>
      </c>
      <c r="CB5" s="18" t="s">
        <v>86</v>
      </c>
      <c r="CC5" s="18" t="s">
        <v>87</v>
      </c>
      <c r="CD5" s="18" t="s">
        <v>88</v>
      </c>
      <c r="CE5" s="18" t="s">
        <v>89</v>
      </c>
      <c r="CF5" s="18" t="s">
        <v>90</v>
      </c>
      <c r="CG5" s="18" t="s">
        <v>91</v>
      </c>
      <c r="CH5" s="18" t="s">
        <v>92</v>
      </c>
      <c r="CI5" s="18" t="s">
        <v>93</v>
      </c>
      <c r="CJ5" s="18" t="s">
        <v>94</v>
      </c>
      <c r="CK5" s="18" t="s">
        <v>95</v>
      </c>
      <c r="CL5" s="18" t="s">
        <v>96</v>
      </c>
      <c r="CM5" s="18" t="s">
        <v>86</v>
      </c>
      <c r="CN5" s="18" t="s">
        <v>87</v>
      </c>
      <c r="CO5" s="18" t="s">
        <v>88</v>
      </c>
      <c r="CP5" s="18" t="s">
        <v>89</v>
      </c>
      <c r="CQ5" s="18" t="s">
        <v>90</v>
      </c>
      <c r="CR5" s="18" t="s">
        <v>91</v>
      </c>
      <c r="CS5" s="18" t="s">
        <v>92</v>
      </c>
      <c r="CT5" s="18" t="s">
        <v>93</v>
      </c>
      <c r="CU5" s="18" t="s">
        <v>94</v>
      </c>
      <c r="CV5" s="18" t="s">
        <v>95</v>
      </c>
      <c r="CW5" s="18" t="s">
        <v>96</v>
      </c>
      <c r="CX5" s="18" t="s">
        <v>86</v>
      </c>
      <c r="CY5" s="18" t="s">
        <v>87</v>
      </c>
      <c r="CZ5" s="18" t="s">
        <v>88</v>
      </c>
      <c r="DA5" s="18" t="s">
        <v>89</v>
      </c>
      <c r="DB5" s="18" t="s">
        <v>90</v>
      </c>
      <c r="DC5" s="18" t="s">
        <v>91</v>
      </c>
      <c r="DD5" s="18" t="s">
        <v>92</v>
      </c>
      <c r="DE5" s="18" t="s">
        <v>93</v>
      </c>
      <c r="DF5" s="18" t="s">
        <v>94</v>
      </c>
      <c r="DG5" s="18" t="s">
        <v>95</v>
      </c>
      <c r="DH5" s="18" t="s">
        <v>96</v>
      </c>
      <c r="DI5" s="18" t="s">
        <v>86</v>
      </c>
      <c r="DJ5" s="18" t="s">
        <v>87</v>
      </c>
      <c r="DK5" s="18" t="s">
        <v>88</v>
      </c>
      <c r="DL5" s="18" t="s">
        <v>89</v>
      </c>
      <c r="DM5" s="18" t="s">
        <v>90</v>
      </c>
      <c r="DN5" s="18" t="s">
        <v>91</v>
      </c>
      <c r="DO5" s="18" t="s">
        <v>92</v>
      </c>
      <c r="DP5" s="18" t="s">
        <v>93</v>
      </c>
      <c r="DQ5" s="18" t="s">
        <v>94</v>
      </c>
      <c r="DR5" s="18" t="s">
        <v>95</v>
      </c>
      <c r="DS5" s="18" t="s">
        <v>96</v>
      </c>
      <c r="DT5" s="18" t="s">
        <v>86</v>
      </c>
      <c r="DU5" s="18" t="s">
        <v>87</v>
      </c>
      <c r="DV5" s="18" t="s">
        <v>88</v>
      </c>
      <c r="DW5" s="18" t="s">
        <v>89</v>
      </c>
      <c r="DX5" s="18" t="s">
        <v>90</v>
      </c>
      <c r="DY5" s="18" t="s">
        <v>91</v>
      </c>
      <c r="DZ5" s="18" t="s">
        <v>92</v>
      </c>
      <c r="EA5" s="18" t="s">
        <v>93</v>
      </c>
      <c r="EB5" s="18" t="s">
        <v>94</v>
      </c>
      <c r="EC5" s="18" t="s">
        <v>95</v>
      </c>
      <c r="ED5" s="18" t="s">
        <v>96</v>
      </c>
      <c r="EE5" s="18" t="s">
        <v>86</v>
      </c>
      <c r="EF5" s="18" t="s">
        <v>87</v>
      </c>
      <c r="EG5" s="18" t="s">
        <v>88</v>
      </c>
      <c r="EH5" s="18" t="s">
        <v>89</v>
      </c>
      <c r="EI5" s="18" t="s">
        <v>90</v>
      </c>
      <c r="EJ5" s="18" t="s">
        <v>91</v>
      </c>
      <c r="EK5" s="18" t="s">
        <v>92</v>
      </c>
      <c r="EL5" s="18" t="s">
        <v>93</v>
      </c>
      <c r="EM5" s="18" t="s">
        <v>94</v>
      </c>
      <c r="EN5" s="18" t="s">
        <v>95</v>
      </c>
      <c r="EO5" s="18" t="s">
        <v>96</v>
      </c>
    </row>
    <row r="6" spans="1:145" s="22" customFormat="1" x14ac:dyDescent="0.2">
      <c r="A6" s="14" t="s">
        <v>97</v>
      </c>
      <c r="B6" s="19">
        <f>B7</f>
        <v>2022</v>
      </c>
      <c r="C6" s="19">
        <f t="shared" ref="C6:X6" si="3">C7</f>
        <v>144029</v>
      </c>
      <c r="D6" s="19">
        <f t="shared" si="3"/>
        <v>47</v>
      </c>
      <c r="E6" s="19">
        <f t="shared" si="3"/>
        <v>17</v>
      </c>
      <c r="F6" s="19">
        <f t="shared" si="3"/>
        <v>4</v>
      </c>
      <c r="G6" s="19">
        <f t="shared" si="3"/>
        <v>0</v>
      </c>
      <c r="H6" s="19" t="str">
        <f t="shared" si="3"/>
        <v>神奈川県　清川村</v>
      </c>
      <c r="I6" s="19" t="str">
        <f t="shared" si="3"/>
        <v>法非適用</v>
      </c>
      <c r="J6" s="19" t="str">
        <f t="shared" si="3"/>
        <v>下水道事業</v>
      </c>
      <c r="K6" s="19" t="str">
        <f t="shared" si="3"/>
        <v>特定環境保全公共下水道</v>
      </c>
      <c r="L6" s="19" t="str">
        <f t="shared" si="3"/>
        <v>D2</v>
      </c>
      <c r="M6" s="19" t="str">
        <f t="shared" si="3"/>
        <v>非設置</v>
      </c>
      <c r="N6" s="20" t="str">
        <f t="shared" si="3"/>
        <v>-</v>
      </c>
      <c r="O6" s="20" t="str">
        <f t="shared" si="3"/>
        <v>該当数値なし</v>
      </c>
      <c r="P6" s="20">
        <f t="shared" si="3"/>
        <v>97.45</v>
      </c>
      <c r="Q6" s="20">
        <f t="shared" si="3"/>
        <v>98.5</v>
      </c>
      <c r="R6" s="20">
        <f t="shared" si="3"/>
        <v>1650</v>
      </c>
      <c r="S6" s="20">
        <f t="shared" si="3"/>
        <v>2812</v>
      </c>
      <c r="T6" s="20">
        <f t="shared" si="3"/>
        <v>71.239999999999995</v>
      </c>
      <c r="U6" s="20">
        <f t="shared" si="3"/>
        <v>39.47</v>
      </c>
      <c r="V6" s="20">
        <f t="shared" si="3"/>
        <v>2711</v>
      </c>
      <c r="W6" s="20">
        <f t="shared" si="3"/>
        <v>0.91</v>
      </c>
      <c r="X6" s="20">
        <f t="shared" si="3"/>
        <v>2979.12</v>
      </c>
      <c r="Y6" s="21">
        <f>IF(Y7="",NA(),Y7)</f>
        <v>64.72</v>
      </c>
      <c r="Z6" s="21">
        <f t="shared" ref="Z6:AH6" si="4">IF(Z7="",NA(),Z7)</f>
        <v>62.11</v>
      </c>
      <c r="AA6" s="21">
        <f t="shared" si="4"/>
        <v>60.96</v>
      </c>
      <c r="AB6" s="21">
        <f t="shared" si="4"/>
        <v>61.3</v>
      </c>
      <c r="AC6" s="21">
        <f t="shared" si="4"/>
        <v>62.82</v>
      </c>
      <c r="AD6" s="20" t="e">
        <f t="shared" si="4"/>
        <v>#N/A</v>
      </c>
      <c r="AE6" s="20" t="e">
        <f t="shared" si="4"/>
        <v>#N/A</v>
      </c>
      <c r="AF6" s="20" t="e">
        <f t="shared" si="4"/>
        <v>#N/A</v>
      </c>
      <c r="AG6" s="20" t="e">
        <f t="shared" si="4"/>
        <v>#N/A</v>
      </c>
      <c r="AH6" s="20" t="e">
        <f t="shared" si="4"/>
        <v>#N/A</v>
      </c>
      <c r="AI6" s="20" t="str">
        <f>IF(AI7="","",IF(AI7="-","【-】","【"&amp;SUBSTITUTE(TEXT(AI7,"#,##0.00"),"-","△")&amp;"】"))</f>
        <v/>
      </c>
      <c r="AJ6" s="20" t="e">
        <f>IF(AJ7="",NA(),AJ7)</f>
        <v>#N/A</v>
      </c>
      <c r="AK6" s="20" t="e">
        <f t="shared" ref="AK6:AS6" si="5">IF(AK7="",NA(),AK7)</f>
        <v>#N/A</v>
      </c>
      <c r="AL6" s="20" t="e">
        <f t="shared" si="5"/>
        <v>#N/A</v>
      </c>
      <c r="AM6" s="20" t="e">
        <f t="shared" si="5"/>
        <v>#N/A</v>
      </c>
      <c r="AN6" s="20" t="e">
        <f t="shared" si="5"/>
        <v>#N/A</v>
      </c>
      <c r="AO6" s="20" t="e">
        <f t="shared" si="5"/>
        <v>#N/A</v>
      </c>
      <c r="AP6" s="20" t="e">
        <f t="shared" si="5"/>
        <v>#N/A</v>
      </c>
      <c r="AQ6" s="20" t="e">
        <f t="shared" si="5"/>
        <v>#N/A</v>
      </c>
      <c r="AR6" s="20" t="e">
        <f t="shared" si="5"/>
        <v>#N/A</v>
      </c>
      <c r="AS6" s="20" t="e">
        <f t="shared" si="5"/>
        <v>#N/A</v>
      </c>
      <c r="AT6" s="20" t="str">
        <f>IF(AT7="","",IF(AT7="-","【-】","【"&amp;SUBSTITUTE(TEXT(AT7,"#,##0.00"),"-","△")&amp;"】"))</f>
        <v/>
      </c>
      <c r="AU6" s="20" t="e">
        <f>IF(AU7="",NA(),AU7)</f>
        <v>#N/A</v>
      </c>
      <c r="AV6" s="20" t="e">
        <f t="shared" ref="AV6:BD6" si="6">IF(AV7="",NA(),AV7)</f>
        <v>#N/A</v>
      </c>
      <c r="AW6" s="20" t="e">
        <f t="shared" si="6"/>
        <v>#N/A</v>
      </c>
      <c r="AX6" s="20" t="e">
        <f t="shared" si="6"/>
        <v>#N/A</v>
      </c>
      <c r="AY6" s="20" t="e">
        <f t="shared" si="6"/>
        <v>#N/A</v>
      </c>
      <c r="AZ6" s="20" t="e">
        <f t="shared" si="6"/>
        <v>#N/A</v>
      </c>
      <c r="BA6" s="20" t="e">
        <f t="shared" si="6"/>
        <v>#N/A</v>
      </c>
      <c r="BB6" s="20" t="e">
        <f t="shared" si="6"/>
        <v>#N/A</v>
      </c>
      <c r="BC6" s="20" t="e">
        <f t="shared" si="6"/>
        <v>#N/A</v>
      </c>
      <c r="BD6" s="20" t="e">
        <f t="shared" si="6"/>
        <v>#N/A</v>
      </c>
      <c r="BE6" s="20" t="str">
        <f>IF(BE7="","",IF(BE7="-","【-】","【"&amp;SUBSTITUTE(TEXT(BE7,"#,##0.00"),"-","△")&amp;"】"))</f>
        <v/>
      </c>
      <c r="BF6" s="21">
        <f>IF(BF7="",NA(),BF7)</f>
        <v>1853.36</v>
      </c>
      <c r="BG6" s="21">
        <f t="shared" ref="BG6:BO6" si="7">IF(BG7="",NA(),BG7)</f>
        <v>1646.19</v>
      </c>
      <c r="BH6" s="21">
        <f t="shared" si="7"/>
        <v>1699.24</v>
      </c>
      <c r="BI6" s="21">
        <f t="shared" si="7"/>
        <v>1478.63</v>
      </c>
      <c r="BJ6" s="21">
        <f t="shared" si="7"/>
        <v>1840.68</v>
      </c>
      <c r="BK6" s="21">
        <f t="shared" si="7"/>
        <v>1194.1500000000001</v>
      </c>
      <c r="BL6" s="21">
        <f t="shared" si="7"/>
        <v>1206.79</v>
      </c>
      <c r="BM6" s="21">
        <f t="shared" si="7"/>
        <v>1258.43</v>
      </c>
      <c r="BN6" s="21">
        <f t="shared" si="7"/>
        <v>1163.75</v>
      </c>
      <c r="BO6" s="21">
        <f t="shared" si="7"/>
        <v>1195.47</v>
      </c>
      <c r="BP6" s="20" t="str">
        <f>IF(BP7="","",IF(BP7="-","【-】","【"&amp;SUBSTITUTE(TEXT(BP7,"#,##0.00"),"-","△")&amp;"】"))</f>
        <v>【1,182.11】</v>
      </c>
      <c r="BQ6" s="21">
        <f>IF(BQ7="",NA(),BQ7)</f>
        <v>20.47</v>
      </c>
      <c r="BR6" s="21">
        <f t="shared" ref="BR6:BZ6" si="8">IF(BR7="",NA(),BR7)</f>
        <v>22.38</v>
      </c>
      <c r="BS6" s="21">
        <f t="shared" si="8"/>
        <v>18.68</v>
      </c>
      <c r="BT6" s="21">
        <f t="shared" si="8"/>
        <v>20.23</v>
      </c>
      <c r="BU6" s="21">
        <f t="shared" si="8"/>
        <v>14.81</v>
      </c>
      <c r="BV6" s="21">
        <f t="shared" si="8"/>
        <v>72.260000000000005</v>
      </c>
      <c r="BW6" s="21">
        <f t="shared" si="8"/>
        <v>71.84</v>
      </c>
      <c r="BX6" s="21">
        <f t="shared" si="8"/>
        <v>73.36</v>
      </c>
      <c r="BY6" s="21">
        <f t="shared" si="8"/>
        <v>72.599999999999994</v>
      </c>
      <c r="BZ6" s="21">
        <f t="shared" si="8"/>
        <v>69.430000000000007</v>
      </c>
      <c r="CA6" s="20" t="str">
        <f>IF(CA7="","",IF(CA7="-","【-】","【"&amp;SUBSTITUTE(TEXT(CA7,"#,##0.00"),"-","△")&amp;"】"))</f>
        <v>【73.78】</v>
      </c>
      <c r="CB6" s="21">
        <f>IF(CB7="",NA(),CB7)</f>
        <v>508.55</v>
      </c>
      <c r="CC6" s="21">
        <f t="shared" ref="CC6:CK6" si="9">IF(CC7="",NA(),CC7)</f>
        <v>494.15</v>
      </c>
      <c r="CD6" s="21">
        <f t="shared" si="9"/>
        <v>529.38</v>
      </c>
      <c r="CE6" s="21">
        <f t="shared" si="9"/>
        <v>554.24</v>
      </c>
      <c r="CF6" s="21">
        <f t="shared" si="9"/>
        <v>605.05999999999995</v>
      </c>
      <c r="CG6" s="21">
        <f t="shared" si="9"/>
        <v>230.02</v>
      </c>
      <c r="CH6" s="21">
        <f t="shared" si="9"/>
        <v>228.47</v>
      </c>
      <c r="CI6" s="21">
        <f t="shared" si="9"/>
        <v>224.88</v>
      </c>
      <c r="CJ6" s="21">
        <f t="shared" si="9"/>
        <v>228.64</v>
      </c>
      <c r="CK6" s="21">
        <f t="shared" si="9"/>
        <v>239.46</v>
      </c>
      <c r="CL6" s="20" t="str">
        <f>IF(CL7="","",IF(CL7="-","【-】","【"&amp;SUBSTITUTE(TEXT(CL7,"#,##0.00"),"-","△")&amp;"】"))</f>
        <v>【220.62】</v>
      </c>
      <c r="CM6" s="21">
        <f>IF(CM7="",NA(),CM7)</f>
        <v>45.86</v>
      </c>
      <c r="CN6" s="21">
        <f t="shared" ref="CN6:CV6" si="10">IF(CN7="",NA(),CN7)</f>
        <v>47</v>
      </c>
      <c r="CO6" s="21">
        <f t="shared" si="10"/>
        <v>48.57</v>
      </c>
      <c r="CP6" s="21">
        <f t="shared" si="10"/>
        <v>48.24</v>
      </c>
      <c r="CQ6" s="21">
        <f t="shared" si="10"/>
        <v>47.67</v>
      </c>
      <c r="CR6" s="21">
        <f t="shared" si="10"/>
        <v>42.56</v>
      </c>
      <c r="CS6" s="21">
        <f t="shared" si="10"/>
        <v>42.47</v>
      </c>
      <c r="CT6" s="21">
        <f t="shared" si="10"/>
        <v>42.4</v>
      </c>
      <c r="CU6" s="21">
        <f t="shared" si="10"/>
        <v>42.28</v>
      </c>
      <c r="CV6" s="21">
        <f t="shared" si="10"/>
        <v>41.06</v>
      </c>
      <c r="CW6" s="20" t="str">
        <f>IF(CW7="","",IF(CW7="-","【-】","【"&amp;SUBSTITUTE(TEXT(CW7,"#,##0.00"),"-","△")&amp;"】"))</f>
        <v>【42.22】</v>
      </c>
      <c r="CX6" s="21">
        <f>IF(CX7="",NA(),CX7)</f>
        <v>95.81</v>
      </c>
      <c r="CY6" s="21">
        <f t="shared" ref="CY6:DG6" si="11">IF(CY7="",NA(),CY7)</f>
        <v>95.59</v>
      </c>
      <c r="CZ6" s="21">
        <f t="shared" si="11"/>
        <v>95.69</v>
      </c>
      <c r="DA6" s="21">
        <f t="shared" si="11"/>
        <v>95.66</v>
      </c>
      <c r="DB6" s="21">
        <f t="shared" si="11"/>
        <v>95.65</v>
      </c>
      <c r="DC6" s="21">
        <f t="shared" si="11"/>
        <v>83.32</v>
      </c>
      <c r="DD6" s="21">
        <f t="shared" si="11"/>
        <v>83.75</v>
      </c>
      <c r="DE6" s="21">
        <f t="shared" si="11"/>
        <v>84.19</v>
      </c>
      <c r="DF6" s="21">
        <f t="shared" si="11"/>
        <v>84.34</v>
      </c>
      <c r="DG6" s="21">
        <f t="shared" si="11"/>
        <v>84.34</v>
      </c>
      <c r="DH6" s="20" t="str">
        <f>IF(DH7="","",IF(DH7="-","【-】","【"&amp;SUBSTITUTE(TEXT(DH7,"#,##0.00"),"-","△")&amp;"】"))</f>
        <v>【85.67】</v>
      </c>
      <c r="DI6" s="20" t="e">
        <f>IF(DI7="",NA(),DI7)</f>
        <v>#N/A</v>
      </c>
      <c r="DJ6" s="20" t="e">
        <f t="shared" ref="DJ6:DR6" si="12">IF(DJ7="",NA(),DJ7)</f>
        <v>#N/A</v>
      </c>
      <c r="DK6" s="20" t="e">
        <f t="shared" si="12"/>
        <v>#N/A</v>
      </c>
      <c r="DL6" s="20" t="e">
        <f t="shared" si="12"/>
        <v>#N/A</v>
      </c>
      <c r="DM6" s="20" t="e">
        <f t="shared" si="12"/>
        <v>#N/A</v>
      </c>
      <c r="DN6" s="20" t="e">
        <f t="shared" si="12"/>
        <v>#N/A</v>
      </c>
      <c r="DO6" s="20" t="e">
        <f t="shared" si="12"/>
        <v>#N/A</v>
      </c>
      <c r="DP6" s="20" t="e">
        <f t="shared" si="12"/>
        <v>#N/A</v>
      </c>
      <c r="DQ6" s="20" t="e">
        <f t="shared" si="12"/>
        <v>#N/A</v>
      </c>
      <c r="DR6" s="20" t="e">
        <f t="shared" si="12"/>
        <v>#N/A</v>
      </c>
      <c r="DS6" s="20" t="str">
        <f>IF(DS7="","",IF(DS7="-","【-】","【"&amp;SUBSTITUTE(TEXT(DS7,"#,##0.00"),"-","△")&amp;"】"))</f>
        <v/>
      </c>
      <c r="DT6" s="20" t="e">
        <f>IF(DT7="",NA(),DT7)</f>
        <v>#N/A</v>
      </c>
      <c r="DU6" s="20" t="e">
        <f t="shared" ref="DU6:EC6" si="13">IF(DU7="",NA(),DU7)</f>
        <v>#N/A</v>
      </c>
      <c r="DV6" s="20" t="e">
        <f t="shared" si="13"/>
        <v>#N/A</v>
      </c>
      <c r="DW6" s="20" t="e">
        <f t="shared" si="13"/>
        <v>#N/A</v>
      </c>
      <c r="DX6" s="20" t="e">
        <f t="shared" si="13"/>
        <v>#N/A</v>
      </c>
      <c r="DY6" s="20" t="e">
        <f t="shared" si="13"/>
        <v>#N/A</v>
      </c>
      <c r="DZ6" s="20" t="e">
        <f t="shared" si="13"/>
        <v>#N/A</v>
      </c>
      <c r="EA6" s="20" t="e">
        <f t="shared" si="13"/>
        <v>#N/A</v>
      </c>
      <c r="EB6" s="20" t="e">
        <f t="shared" si="13"/>
        <v>#N/A</v>
      </c>
      <c r="EC6" s="20" t="e">
        <f t="shared" si="13"/>
        <v>#N/A</v>
      </c>
      <c r="ED6" s="20" t="str">
        <f>IF(ED7="","",IF(ED7="-","【-】","【"&amp;SUBSTITUTE(TEXT(ED7,"#,##0.00"),"-","△")&amp;"】"))</f>
        <v/>
      </c>
      <c r="EE6" s="20">
        <f>IF(EE7="",NA(),EE7)</f>
        <v>0</v>
      </c>
      <c r="EF6" s="20">
        <f t="shared" ref="EF6:EN6" si="14">IF(EF7="",NA(),EF7)</f>
        <v>0</v>
      </c>
      <c r="EG6" s="20">
        <f t="shared" si="14"/>
        <v>0</v>
      </c>
      <c r="EH6" s="20">
        <f t="shared" si="14"/>
        <v>0</v>
      </c>
      <c r="EI6" s="20">
        <f t="shared" si="14"/>
        <v>0</v>
      </c>
      <c r="EJ6" s="21">
        <f t="shared" si="14"/>
        <v>0.13</v>
      </c>
      <c r="EK6" s="21">
        <f t="shared" si="14"/>
        <v>0.36</v>
      </c>
      <c r="EL6" s="21">
        <f t="shared" si="14"/>
        <v>0.39</v>
      </c>
      <c r="EM6" s="21">
        <f t="shared" si="14"/>
        <v>0.1</v>
      </c>
      <c r="EN6" s="21">
        <f t="shared" si="14"/>
        <v>0.08</v>
      </c>
      <c r="EO6" s="20" t="str">
        <f>IF(EO7="","",IF(EO7="-","【-】","【"&amp;SUBSTITUTE(TEXT(EO7,"#,##0.00"),"-","△")&amp;"】"))</f>
        <v>【0.13】</v>
      </c>
    </row>
    <row r="7" spans="1:145" s="22" customFormat="1" x14ac:dyDescent="0.2">
      <c r="A7" s="14"/>
      <c r="B7" s="23">
        <v>2022</v>
      </c>
      <c r="C7" s="23">
        <v>144029</v>
      </c>
      <c r="D7" s="23">
        <v>47</v>
      </c>
      <c r="E7" s="23">
        <v>17</v>
      </c>
      <c r="F7" s="23">
        <v>4</v>
      </c>
      <c r="G7" s="23">
        <v>0</v>
      </c>
      <c r="H7" s="23" t="s">
        <v>98</v>
      </c>
      <c r="I7" s="23" t="s">
        <v>99</v>
      </c>
      <c r="J7" s="23" t="s">
        <v>100</v>
      </c>
      <c r="K7" s="23" t="s">
        <v>101</v>
      </c>
      <c r="L7" s="23" t="s">
        <v>102</v>
      </c>
      <c r="M7" s="23" t="s">
        <v>103</v>
      </c>
      <c r="N7" s="24" t="s">
        <v>104</v>
      </c>
      <c r="O7" s="24" t="s">
        <v>105</v>
      </c>
      <c r="P7" s="24">
        <v>97.45</v>
      </c>
      <c r="Q7" s="24">
        <v>98.5</v>
      </c>
      <c r="R7" s="24">
        <v>1650</v>
      </c>
      <c r="S7" s="24">
        <v>2812</v>
      </c>
      <c r="T7" s="24">
        <v>71.239999999999995</v>
      </c>
      <c r="U7" s="24">
        <v>39.47</v>
      </c>
      <c r="V7" s="24">
        <v>2711</v>
      </c>
      <c r="W7" s="24">
        <v>0.91</v>
      </c>
      <c r="X7" s="24">
        <v>2979.12</v>
      </c>
      <c r="Y7" s="24">
        <v>64.72</v>
      </c>
      <c r="Z7" s="24">
        <v>62.11</v>
      </c>
      <c r="AA7" s="24">
        <v>60.96</v>
      </c>
      <c r="AB7" s="24">
        <v>61.3</v>
      </c>
      <c r="AC7" s="24">
        <v>62.82</v>
      </c>
      <c r="AD7" s="24"/>
      <c r="AE7" s="24"/>
      <c r="AF7" s="24"/>
      <c r="AG7" s="24"/>
      <c r="AH7" s="24"/>
      <c r="AI7" s="24"/>
      <c r="AJ7" s="24"/>
      <c r="AK7" s="24"/>
      <c r="AL7" s="24"/>
      <c r="AM7" s="24"/>
      <c r="AN7" s="24"/>
      <c r="AO7" s="24"/>
      <c r="AP7" s="24"/>
      <c r="AQ7" s="24"/>
      <c r="AR7" s="24"/>
      <c r="AS7" s="24"/>
      <c r="AT7" s="24"/>
      <c r="AU7" s="24"/>
      <c r="AV7" s="24"/>
      <c r="AW7" s="24"/>
      <c r="AX7" s="24"/>
      <c r="AY7" s="24"/>
      <c r="AZ7" s="24"/>
      <c r="BA7" s="24"/>
      <c r="BB7" s="24"/>
      <c r="BC7" s="24"/>
      <c r="BD7" s="24"/>
      <c r="BE7" s="24"/>
      <c r="BF7" s="24">
        <v>1853.36</v>
      </c>
      <c r="BG7" s="24">
        <v>1646.19</v>
      </c>
      <c r="BH7" s="24">
        <v>1699.24</v>
      </c>
      <c r="BI7" s="24">
        <v>1478.63</v>
      </c>
      <c r="BJ7" s="24">
        <v>1840.68</v>
      </c>
      <c r="BK7" s="24">
        <v>1194.1500000000001</v>
      </c>
      <c r="BL7" s="24">
        <v>1206.79</v>
      </c>
      <c r="BM7" s="24">
        <v>1258.43</v>
      </c>
      <c r="BN7" s="24">
        <v>1163.75</v>
      </c>
      <c r="BO7" s="24">
        <v>1195.47</v>
      </c>
      <c r="BP7" s="24">
        <v>1182.1099999999999</v>
      </c>
      <c r="BQ7" s="24">
        <v>20.47</v>
      </c>
      <c r="BR7" s="24">
        <v>22.38</v>
      </c>
      <c r="BS7" s="24">
        <v>18.68</v>
      </c>
      <c r="BT7" s="24">
        <v>20.23</v>
      </c>
      <c r="BU7" s="24">
        <v>14.81</v>
      </c>
      <c r="BV7" s="24">
        <v>72.260000000000005</v>
      </c>
      <c r="BW7" s="24">
        <v>71.84</v>
      </c>
      <c r="BX7" s="24">
        <v>73.36</v>
      </c>
      <c r="BY7" s="24">
        <v>72.599999999999994</v>
      </c>
      <c r="BZ7" s="24">
        <v>69.430000000000007</v>
      </c>
      <c r="CA7" s="24">
        <v>73.78</v>
      </c>
      <c r="CB7" s="24">
        <v>508.55</v>
      </c>
      <c r="CC7" s="24">
        <v>494.15</v>
      </c>
      <c r="CD7" s="24">
        <v>529.38</v>
      </c>
      <c r="CE7" s="24">
        <v>554.24</v>
      </c>
      <c r="CF7" s="24">
        <v>605.05999999999995</v>
      </c>
      <c r="CG7" s="24">
        <v>230.02</v>
      </c>
      <c r="CH7" s="24">
        <v>228.47</v>
      </c>
      <c r="CI7" s="24">
        <v>224.88</v>
      </c>
      <c r="CJ7" s="24">
        <v>228.64</v>
      </c>
      <c r="CK7" s="24">
        <v>239.46</v>
      </c>
      <c r="CL7" s="24">
        <v>220.62</v>
      </c>
      <c r="CM7" s="24">
        <v>45.86</v>
      </c>
      <c r="CN7" s="24">
        <v>47</v>
      </c>
      <c r="CO7" s="24">
        <v>48.57</v>
      </c>
      <c r="CP7" s="24">
        <v>48.24</v>
      </c>
      <c r="CQ7" s="24">
        <v>47.67</v>
      </c>
      <c r="CR7" s="24">
        <v>42.56</v>
      </c>
      <c r="CS7" s="24">
        <v>42.47</v>
      </c>
      <c r="CT7" s="24">
        <v>42.4</v>
      </c>
      <c r="CU7" s="24">
        <v>42.28</v>
      </c>
      <c r="CV7" s="24">
        <v>41.06</v>
      </c>
      <c r="CW7" s="24">
        <v>42.22</v>
      </c>
      <c r="CX7" s="24">
        <v>95.81</v>
      </c>
      <c r="CY7" s="24">
        <v>95.59</v>
      </c>
      <c r="CZ7" s="24">
        <v>95.69</v>
      </c>
      <c r="DA7" s="24">
        <v>95.66</v>
      </c>
      <c r="DB7" s="24">
        <v>95.65</v>
      </c>
      <c r="DC7" s="24">
        <v>83.32</v>
      </c>
      <c r="DD7" s="24">
        <v>83.75</v>
      </c>
      <c r="DE7" s="24">
        <v>84.19</v>
      </c>
      <c r="DF7" s="24">
        <v>84.34</v>
      </c>
      <c r="DG7" s="24">
        <v>84.34</v>
      </c>
      <c r="DH7" s="24">
        <v>85.67</v>
      </c>
      <c r="DI7" s="24"/>
      <c r="DJ7" s="24"/>
      <c r="DK7" s="24"/>
      <c r="DL7" s="24"/>
      <c r="DM7" s="24"/>
      <c r="DN7" s="24"/>
      <c r="DO7" s="24"/>
      <c r="DP7" s="24"/>
      <c r="DQ7" s="24"/>
      <c r="DR7" s="24"/>
      <c r="DS7" s="24"/>
      <c r="DT7" s="24"/>
      <c r="DU7" s="24"/>
      <c r="DV7" s="24"/>
      <c r="DW7" s="24"/>
      <c r="DX7" s="24"/>
      <c r="DY7" s="24"/>
      <c r="DZ7" s="24"/>
      <c r="EA7" s="24"/>
      <c r="EB7" s="24"/>
      <c r="EC7" s="24"/>
      <c r="ED7" s="24"/>
      <c r="EE7" s="24">
        <v>0</v>
      </c>
      <c r="EF7" s="24">
        <v>0</v>
      </c>
      <c r="EG7" s="24">
        <v>0</v>
      </c>
      <c r="EH7" s="24">
        <v>0</v>
      </c>
      <c r="EI7" s="24">
        <v>0</v>
      </c>
      <c r="EJ7" s="24">
        <v>0.13</v>
      </c>
      <c r="EK7" s="24">
        <v>0.36</v>
      </c>
      <c r="EL7" s="24">
        <v>0.39</v>
      </c>
      <c r="EM7" s="24">
        <v>0.1</v>
      </c>
      <c r="EN7" s="24">
        <v>0.08</v>
      </c>
      <c r="EO7" s="24">
        <v>0.13</v>
      </c>
    </row>
    <row r="8" spans="1:145"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row>
    <row r="9" spans="1:145" x14ac:dyDescent="0.2">
      <c r="A9" s="26"/>
      <c r="B9" s="26" t="s">
        <v>106</v>
      </c>
      <c r="C9" s="26" t="s">
        <v>107</v>
      </c>
      <c r="D9" s="26" t="s">
        <v>108</v>
      </c>
      <c r="E9" s="26" t="s">
        <v>109</v>
      </c>
      <c r="F9" s="26" t="s">
        <v>110</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5" x14ac:dyDescent="0.2">
      <c r="A10" s="26" t="s">
        <v>48</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5" x14ac:dyDescent="0.2">
      <c r="B11">
        <v>4</v>
      </c>
      <c r="C11">
        <v>3</v>
      </c>
      <c r="D11">
        <v>2</v>
      </c>
      <c r="E11">
        <v>1</v>
      </c>
      <c r="F11">
        <v>0</v>
      </c>
      <c r="G11" t="s">
        <v>111</v>
      </c>
    </row>
    <row r="12" spans="1:145" x14ac:dyDescent="0.2">
      <c r="B12">
        <v>1</v>
      </c>
      <c r="C12">
        <v>1</v>
      </c>
      <c r="D12">
        <v>2</v>
      </c>
      <c r="E12">
        <v>3</v>
      </c>
      <c r="F12">
        <v>4</v>
      </c>
      <c r="G12" t="s">
        <v>112</v>
      </c>
    </row>
    <row r="13" spans="1:145" x14ac:dyDescent="0.2">
      <c r="B13" t="s">
        <v>113</v>
      </c>
      <c r="C13" t="s">
        <v>114</v>
      </c>
      <c r="D13" t="s">
        <v>114</v>
      </c>
      <c r="E13" t="s">
        <v>115</v>
      </c>
      <c r="F13" t="s">
        <v>115</v>
      </c>
      <c r="G13" t="s">
        <v>116</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07T10:56:09Z</cp:lastPrinted>
  <dcterms:created xsi:type="dcterms:W3CDTF">2023-12-12T02:49:57Z</dcterms:created>
  <dcterms:modified xsi:type="dcterms:W3CDTF">2024-03-06T23:03:06Z</dcterms:modified>
  <cp:category/>
</cp:coreProperties>
</file>